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28"/>
  <workbookPr/>
  <mc:AlternateContent xmlns:mc="http://schemas.openxmlformats.org/markup-compatibility/2006">
    <mc:Choice Requires="x15">
      <x15ac:absPath xmlns:x15ac="http://schemas.microsoft.com/office/spreadsheetml/2010/11/ac" url="\\kfs01\2025\s1507\03_健康医療DXグループ\04_業務改善・医療機能情報班\50_医療法（病床機能報告）\03_HP公表\03_HP修正\2025.9.9修正\"/>
    </mc:Choice>
  </mc:AlternateContent>
  <xr:revisionPtr revIDLastSave="0" documentId="13_ncr:1_{478038F1-4862-40D8-B5EA-339FBD7CE75C}" xr6:coauthVersionLast="47" xr6:coauthVersionMax="47" xr10:uidLastSave="{00000000-0000-0000-0000-000000000000}"/>
  <bookViews>
    <workbookView xWindow="14295" yWindow="-16200" windowWidth="14610" windowHeight="15585" xr2:uid="{00000000-000D-0000-FFFF-FFFF00000000}"/>
  </bookViews>
  <sheets>
    <sheet name="県全域" sheetId="1" r:id="rId1"/>
  </sheets>
  <definedNames>
    <definedName name="_xlnm.Print_Area" localSheetId="0">県全域!$A$1:$J$2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1" uniqueCount="38">
  <si>
    <t>神奈川県全域</t>
    <rPh sb="0" eb="4">
      <t>カナガワケン</t>
    </rPh>
    <rPh sb="4" eb="6">
      <t>ゼンイキ</t>
    </rPh>
    <phoneticPr fontId="1"/>
  </si>
  <si>
    <t>小田原市、南足柄市、中井町、大井町、松田町、山北町、開成町、箱根町、真鶴町、湯河原町</t>
    <rPh sb="0" eb="4">
      <t>オダワラシ</t>
    </rPh>
    <rPh sb="5" eb="9">
      <t>ミナミアシガラシ</t>
    </rPh>
    <rPh sb="10" eb="13">
      <t>ナカイマチ</t>
    </rPh>
    <rPh sb="14" eb="17">
      <t>オオイマチ</t>
    </rPh>
    <rPh sb="18" eb="21">
      <t>マツダマチ</t>
    </rPh>
    <rPh sb="22" eb="25">
      <t>ヤマキタマチ</t>
    </rPh>
    <rPh sb="26" eb="29">
      <t>カイセイマチ</t>
    </rPh>
    <rPh sb="30" eb="33">
      <t>ハコネマチ</t>
    </rPh>
    <rPh sb="34" eb="37">
      <t>マナヅルマチ</t>
    </rPh>
    <rPh sb="38" eb="41">
      <t>ユガワラ</t>
    </rPh>
    <rPh sb="41" eb="42">
      <t>マチ</t>
    </rPh>
    <phoneticPr fontId="1"/>
  </si>
  <si>
    <t>県西圏域</t>
    <rPh sb="0" eb="2">
      <t>ケンセイ</t>
    </rPh>
    <rPh sb="2" eb="4">
      <t>ケンイキ</t>
    </rPh>
    <phoneticPr fontId="1"/>
  </si>
  <si>
    <t>厚木市、大和市、海老名市、座間市、綾瀬市、愛川町、清川村</t>
    <rPh sb="0" eb="3">
      <t>アツギシ</t>
    </rPh>
    <rPh sb="4" eb="7">
      <t>ヤマトシ</t>
    </rPh>
    <rPh sb="8" eb="12">
      <t>エビナシ</t>
    </rPh>
    <rPh sb="13" eb="16">
      <t>ザマシ</t>
    </rPh>
    <rPh sb="17" eb="20">
      <t>アヤセシ</t>
    </rPh>
    <rPh sb="21" eb="24">
      <t>アイカワマチ</t>
    </rPh>
    <rPh sb="25" eb="28">
      <t>キヨカワムラ</t>
    </rPh>
    <phoneticPr fontId="1"/>
  </si>
  <si>
    <t>県央圏域</t>
    <rPh sb="0" eb="2">
      <t>ケンオウ</t>
    </rPh>
    <rPh sb="2" eb="4">
      <t>ケンイキ</t>
    </rPh>
    <phoneticPr fontId="1"/>
  </si>
  <si>
    <t>平塚市、秦野市、伊勢原市、大磯町、二宮町</t>
    <rPh sb="0" eb="3">
      <t>ヒラツカシ</t>
    </rPh>
    <rPh sb="4" eb="7">
      <t>ハダノシ</t>
    </rPh>
    <rPh sb="8" eb="12">
      <t>イセハラシ</t>
    </rPh>
    <rPh sb="13" eb="16">
      <t>オオイソマチ</t>
    </rPh>
    <rPh sb="17" eb="20">
      <t>ニノミヤマチ</t>
    </rPh>
    <phoneticPr fontId="1"/>
  </si>
  <si>
    <t>湘南西部圏域</t>
    <rPh sb="0" eb="2">
      <t>ショウナン</t>
    </rPh>
    <rPh sb="2" eb="4">
      <t>セイブ</t>
    </rPh>
    <rPh sb="4" eb="6">
      <t>ケンイキ</t>
    </rPh>
    <phoneticPr fontId="1"/>
  </si>
  <si>
    <t>藤沢市、茅ケ崎市、寒川町</t>
    <rPh sb="0" eb="3">
      <t>フジサワシ</t>
    </rPh>
    <rPh sb="4" eb="8">
      <t>チガサキシ</t>
    </rPh>
    <rPh sb="9" eb="11">
      <t>サムガワ</t>
    </rPh>
    <rPh sb="11" eb="12">
      <t>マチ</t>
    </rPh>
    <phoneticPr fontId="1"/>
  </si>
  <si>
    <t>湘南東部圏域</t>
    <rPh sb="0" eb="2">
      <t>ショウナン</t>
    </rPh>
    <rPh sb="2" eb="4">
      <t>トウブ</t>
    </rPh>
    <rPh sb="4" eb="6">
      <t>ケンイキ</t>
    </rPh>
    <phoneticPr fontId="1"/>
  </si>
  <si>
    <t>横須賀市、鎌倉市、逗子市、三浦市、葉山町</t>
    <rPh sb="0" eb="4">
      <t>ヨコスカシ</t>
    </rPh>
    <rPh sb="5" eb="8">
      <t>カマクラシ</t>
    </rPh>
    <rPh sb="9" eb="12">
      <t>ズシシ</t>
    </rPh>
    <rPh sb="13" eb="16">
      <t>ミウラシ</t>
    </rPh>
    <rPh sb="17" eb="19">
      <t>ハヤマ</t>
    </rPh>
    <rPh sb="19" eb="20">
      <t>マチ</t>
    </rPh>
    <phoneticPr fontId="1"/>
  </si>
  <si>
    <t>横須賀・三浦圏域</t>
    <rPh sb="0" eb="3">
      <t>ヨコスカ</t>
    </rPh>
    <rPh sb="4" eb="6">
      <t>ミウラ</t>
    </rPh>
    <rPh sb="6" eb="8">
      <t>ケンイキ</t>
    </rPh>
    <phoneticPr fontId="1"/>
  </si>
  <si>
    <t>相模原市</t>
    <rPh sb="0" eb="4">
      <t>サガミハラシ</t>
    </rPh>
    <phoneticPr fontId="1"/>
  </si>
  <si>
    <t>相模原圏域</t>
    <rPh sb="0" eb="3">
      <t>サガミハラ</t>
    </rPh>
    <rPh sb="3" eb="5">
      <t>ケンイキ</t>
    </rPh>
    <phoneticPr fontId="1"/>
  </si>
  <si>
    <t>川崎区、幸区、中原区</t>
    <rPh sb="0" eb="2">
      <t>カワサキ</t>
    </rPh>
    <rPh sb="2" eb="3">
      <t>ク</t>
    </rPh>
    <rPh sb="4" eb="6">
      <t>サイワイク</t>
    </rPh>
    <rPh sb="7" eb="10">
      <t>ナカハラク</t>
    </rPh>
    <phoneticPr fontId="1"/>
  </si>
  <si>
    <t>川崎南部圏域</t>
    <rPh sb="0" eb="2">
      <t>カワサキ</t>
    </rPh>
    <rPh sb="2" eb="4">
      <t>ナンブ</t>
    </rPh>
    <rPh sb="4" eb="6">
      <t>ケンイキ</t>
    </rPh>
    <phoneticPr fontId="1"/>
  </si>
  <si>
    <t>高津区、宮前区、多摩区、麻生区</t>
    <rPh sb="0" eb="3">
      <t>タカツク</t>
    </rPh>
    <rPh sb="4" eb="7">
      <t>ミヤマエク</t>
    </rPh>
    <rPh sb="8" eb="11">
      <t>タマク</t>
    </rPh>
    <rPh sb="12" eb="14">
      <t>アソウ</t>
    </rPh>
    <rPh sb="14" eb="15">
      <t>ク</t>
    </rPh>
    <phoneticPr fontId="1"/>
  </si>
  <si>
    <t>川崎北部圏域</t>
    <rPh sb="0" eb="2">
      <t>カワサキ</t>
    </rPh>
    <rPh sb="2" eb="4">
      <t>ホクブ</t>
    </rPh>
    <rPh sb="4" eb="6">
      <t>ケンイキ</t>
    </rPh>
    <phoneticPr fontId="1"/>
  </si>
  <si>
    <t>横浜市</t>
    <rPh sb="0" eb="3">
      <t>ヨコハマシ</t>
    </rPh>
    <phoneticPr fontId="1"/>
  </si>
  <si>
    <t>横浜圏域</t>
    <rPh sb="0" eb="2">
      <t>ヨコハマ</t>
    </rPh>
    <rPh sb="2" eb="4">
      <t>ケンイキ</t>
    </rPh>
    <phoneticPr fontId="1"/>
  </si>
  <si>
    <t>介護保険施設
（※４）</t>
    <rPh sb="0" eb="2">
      <t>カイゴ</t>
    </rPh>
    <rPh sb="2" eb="4">
      <t>ホケン</t>
    </rPh>
    <rPh sb="4" eb="6">
      <t>シセツ</t>
    </rPh>
    <phoneticPr fontId="1"/>
  </si>
  <si>
    <t>廃止予定</t>
    <rPh sb="0" eb="2">
      <t>ハイシ</t>
    </rPh>
    <rPh sb="2" eb="4">
      <t>ヨテイ</t>
    </rPh>
    <phoneticPr fontId="1"/>
  </si>
  <si>
    <t>再開予定</t>
    <rPh sb="0" eb="2">
      <t>サイカイ</t>
    </rPh>
    <rPh sb="2" eb="4">
      <t>ヨテイ</t>
    </rPh>
    <phoneticPr fontId="1"/>
  </si>
  <si>
    <t>慢性期</t>
    <rPh sb="0" eb="3">
      <t>マンセイキ</t>
    </rPh>
    <phoneticPr fontId="1"/>
  </si>
  <si>
    <t>回復期</t>
    <rPh sb="0" eb="2">
      <t>カイフク</t>
    </rPh>
    <rPh sb="2" eb="3">
      <t>キ</t>
    </rPh>
    <phoneticPr fontId="1"/>
  </si>
  <si>
    <t>急性期</t>
    <rPh sb="0" eb="3">
      <t>キュウセイキ</t>
    </rPh>
    <phoneticPr fontId="1"/>
  </si>
  <si>
    <t>高度急性期</t>
    <rPh sb="0" eb="2">
      <t>コウド</t>
    </rPh>
    <rPh sb="2" eb="5">
      <t>キュウセイキ</t>
    </rPh>
    <phoneticPr fontId="1"/>
  </si>
  <si>
    <t>廃止予定
（※２）</t>
    <rPh sb="0" eb="2">
      <t>ハイシ</t>
    </rPh>
    <rPh sb="2" eb="4">
      <t>ヨテイ</t>
    </rPh>
    <phoneticPr fontId="1"/>
  </si>
  <si>
    <t>再開予定
（※１）</t>
    <rPh sb="0" eb="2">
      <t>サイカイ</t>
    </rPh>
    <rPh sb="2" eb="4">
      <t>ヨテイ</t>
    </rPh>
    <phoneticPr fontId="1"/>
  </si>
  <si>
    <t>計</t>
    <rPh sb="0" eb="1">
      <t>ケイ</t>
    </rPh>
    <phoneticPr fontId="1"/>
  </si>
  <si>
    <t>市区町村名</t>
    <rPh sb="0" eb="2">
      <t>シク</t>
    </rPh>
    <rPh sb="2" eb="4">
      <t>チョウソン</t>
    </rPh>
    <rPh sb="4" eb="5">
      <t>メイ</t>
    </rPh>
    <phoneticPr fontId="1"/>
  </si>
  <si>
    <t>二次保険医療圏</t>
    <rPh sb="0" eb="2">
      <t>ニジ</t>
    </rPh>
    <rPh sb="2" eb="4">
      <t>ホケン</t>
    </rPh>
    <rPh sb="4" eb="6">
      <t>イリョウ</t>
    </rPh>
    <rPh sb="6" eb="7">
      <t>ケン</t>
    </rPh>
    <phoneticPr fontId="1"/>
  </si>
  <si>
    <t>（単位：床＊上段は2024年７月１日、下段は2025年７月１日時点の予定）</t>
    <rPh sb="1" eb="3">
      <t>タンイ</t>
    </rPh>
    <rPh sb="4" eb="5">
      <t>ユカ</t>
    </rPh>
    <rPh sb="6" eb="8">
      <t>ジョウダン</t>
    </rPh>
    <rPh sb="13" eb="14">
      <t>ネン</t>
    </rPh>
    <rPh sb="15" eb="16">
      <t>ガツ</t>
    </rPh>
    <rPh sb="17" eb="18">
      <t>ニチ</t>
    </rPh>
    <rPh sb="19" eb="21">
      <t>ゲダン</t>
    </rPh>
    <rPh sb="26" eb="27">
      <t>ネン</t>
    </rPh>
    <rPh sb="28" eb="29">
      <t>ガツ</t>
    </rPh>
    <rPh sb="30" eb="31">
      <t>ニチ</t>
    </rPh>
    <rPh sb="31" eb="33">
      <t>ジテン</t>
    </rPh>
    <rPh sb="34" eb="36">
      <t>ヨテイ</t>
    </rPh>
    <phoneticPr fontId="1"/>
  </si>
  <si>
    <t>※１　病床機能報告上の正式な表記は「休棟中（今後再開する予定）」</t>
    <rPh sb="3" eb="5">
      <t>ビョウショウ</t>
    </rPh>
    <rPh sb="5" eb="7">
      <t>キノウ</t>
    </rPh>
    <rPh sb="7" eb="9">
      <t>ホウコク</t>
    </rPh>
    <rPh sb="9" eb="10">
      <t>ジョウ</t>
    </rPh>
    <rPh sb="11" eb="13">
      <t>セイシキ</t>
    </rPh>
    <rPh sb="14" eb="16">
      <t>ヒョウキ</t>
    </rPh>
    <rPh sb="18" eb="19">
      <t>ヤス</t>
    </rPh>
    <rPh sb="19" eb="20">
      <t>トウ</t>
    </rPh>
    <rPh sb="20" eb="21">
      <t>チュウ</t>
    </rPh>
    <rPh sb="22" eb="24">
      <t>コンゴ</t>
    </rPh>
    <rPh sb="24" eb="26">
      <t>サイカイ</t>
    </rPh>
    <rPh sb="28" eb="30">
      <t>ヨテイ</t>
    </rPh>
    <phoneticPr fontId="1"/>
  </si>
  <si>
    <t>※２　病床機能報告上の正式な表記は「休棟中（今後廃止する予定）」</t>
    <rPh sb="3" eb="5">
      <t>ビョウショウ</t>
    </rPh>
    <rPh sb="5" eb="7">
      <t>キノウ</t>
    </rPh>
    <rPh sb="7" eb="9">
      <t>ホウコク</t>
    </rPh>
    <rPh sb="9" eb="10">
      <t>ジョウ</t>
    </rPh>
    <rPh sb="11" eb="13">
      <t>セイシキ</t>
    </rPh>
    <rPh sb="14" eb="16">
      <t>ヒョウキ</t>
    </rPh>
    <rPh sb="18" eb="19">
      <t>ヤス</t>
    </rPh>
    <rPh sb="19" eb="20">
      <t>トウ</t>
    </rPh>
    <rPh sb="20" eb="21">
      <t>チュウ</t>
    </rPh>
    <rPh sb="22" eb="24">
      <t>コンゴ</t>
    </rPh>
    <rPh sb="24" eb="26">
      <t>ハイシ</t>
    </rPh>
    <rPh sb="28" eb="30">
      <t>ヨテイ</t>
    </rPh>
    <phoneticPr fontId="1"/>
  </si>
  <si>
    <t>※３　当該年度病床機能報告において報告項目なし</t>
    <rPh sb="3" eb="5">
      <t>トウガイ</t>
    </rPh>
    <rPh sb="5" eb="7">
      <t>ネンド</t>
    </rPh>
    <rPh sb="7" eb="9">
      <t>ビョウショウ</t>
    </rPh>
    <rPh sb="9" eb="11">
      <t>キノウ</t>
    </rPh>
    <rPh sb="11" eb="13">
      <t>ホウコク</t>
    </rPh>
    <rPh sb="17" eb="19">
      <t>ホウコク</t>
    </rPh>
    <rPh sb="19" eb="21">
      <t>コウモク</t>
    </rPh>
    <phoneticPr fontId="1"/>
  </si>
  <si>
    <t>※４　病床機能報告上の正式な表記は「介護保険移設などへ移行予定」</t>
    <rPh sb="3" eb="5">
      <t>ビョウショウ</t>
    </rPh>
    <rPh sb="5" eb="7">
      <t>キノウ</t>
    </rPh>
    <rPh sb="7" eb="9">
      <t>ホウコク</t>
    </rPh>
    <rPh sb="9" eb="10">
      <t>ジョウ</t>
    </rPh>
    <rPh sb="11" eb="13">
      <t>セイシキ</t>
    </rPh>
    <rPh sb="14" eb="16">
      <t>ヒョウキ</t>
    </rPh>
    <rPh sb="18" eb="20">
      <t>カイゴ</t>
    </rPh>
    <rPh sb="20" eb="22">
      <t>ホケン</t>
    </rPh>
    <rPh sb="22" eb="24">
      <t>イセツ</t>
    </rPh>
    <rPh sb="27" eb="29">
      <t>イコウ</t>
    </rPh>
    <rPh sb="29" eb="31">
      <t>ヨテイ</t>
    </rPh>
    <phoneticPr fontId="1"/>
  </si>
  <si>
    <t>―（※３）</t>
    <phoneticPr fontId="1"/>
  </si>
  <si>
    <t>―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0" fillId="0" borderId="0" xfId="0" applyAlignment="1">
      <alignment vertical="center" wrapText="1"/>
    </xf>
    <xf numFmtId="38" fontId="0" fillId="0" borderId="1" xfId="0" applyNumberFormat="1" applyFill="1" applyBorder="1">
      <alignment vertical="center"/>
    </xf>
    <xf numFmtId="38" fontId="0" fillId="2" borderId="1" xfId="0" applyNumberFormat="1" applyFill="1" applyBorder="1">
      <alignment vertical="center"/>
    </xf>
    <xf numFmtId="0" fontId="0" fillId="0" borderId="1" xfId="0" applyBorder="1" applyAlignment="1">
      <alignment vertical="center" wrapText="1"/>
    </xf>
    <xf numFmtId="0" fontId="0" fillId="0" borderId="1" xfId="0" applyBorder="1">
      <alignment vertical="center"/>
    </xf>
    <xf numFmtId="0" fontId="0" fillId="2" borderId="1" xfId="0" applyFill="1" applyBorder="1">
      <alignment vertical="center"/>
    </xf>
    <xf numFmtId="0" fontId="0" fillId="2" borderId="1" xfId="0" applyFill="1" applyBorder="1" applyAlignment="1">
      <alignment vertical="center" wrapText="1"/>
    </xf>
    <xf numFmtId="38" fontId="0" fillId="2" borderId="1" xfId="0" applyNumberFormat="1" applyFill="1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left" vertical="center" wrapText="1"/>
    </xf>
    <xf numFmtId="0" fontId="0" fillId="0" borderId="1" xfId="0" applyBorder="1" applyAlignment="1">
      <alignment horizontal="center" vertical="center"/>
    </xf>
    <xf numFmtId="0" fontId="0" fillId="0" borderId="7" xfId="0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0" fillId="0" borderId="7" xfId="0" applyBorder="1" applyAlignment="1">
      <alignment horizontal="left" vertical="center" wrapText="1"/>
    </xf>
    <xf numFmtId="0" fontId="0" fillId="0" borderId="6" xfId="0" applyBorder="1" applyAlignment="1">
      <alignment horizontal="left" vertical="center" wrapText="1"/>
    </xf>
    <xf numFmtId="0" fontId="0" fillId="0" borderId="5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</sheetPr>
  <dimension ref="A1:J28"/>
  <sheetViews>
    <sheetView tabSelected="1" view="pageBreakPreview" topLeftCell="A6" zoomScale="80" zoomScaleNormal="80" zoomScaleSheetLayoutView="80" workbookViewId="0">
      <selection activeCell="F24" sqref="F24"/>
    </sheetView>
  </sheetViews>
  <sheetFormatPr defaultRowHeight="14" x14ac:dyDescent="0.2"/>
  <cols>
    <col min="1" max="1" width="12.58203125" customWidth="1"/>
    <col min="2" max="2" width="24.58203125" style="1" customWidth="1"/>
    <col min="3" max="10" width="12.58203125" customWidth="1"/>
  </cols>
  <sheetData>
    <row r="1" spans="1:10" ht="18" customHeight="1" x14ac:dyDescent="0.2">
      <c r="A1" t="s">
        <v>31</v>
      </c>
    </row>
    <row r="2" spans="1:10" ht="40" customHeight="1" x14ac:dyDescent="0.2">
      <c r="A2" s="9" t="s">
        <v>30</v>
      </c>
      <c r="B2" s="9" t="s">
        <v>29</v>
      </c>
      <c r="C2" s="11" t="s">
        <v>28</v>
      </c>
      <c r="D2" s="6" t="s">
        <v>25</v>
      </c>
      <c r="E2" s="6" t="s">
        <v>24</v>
      </c>
      <c r="F2" s="6" t="s">
        <v>23</v>
      </c>
      <c r="G2" s="6" t="s">
        <v>22</v>
      </c>
      <c r="H2" s="7" t="s">
        <v>27</v>
      </c>
      <c r="I2" s="7" t="s">
        <v>26</v>
      </c>
      <c r="J2" s="6" t="s">
        <v>36</v>
      </c>
    </row>
    <row r="3" spans="1:10" ht="40" customHeight="1" x14ac:dyDescent="0.2">
      <c r="A3" s="9"/>
      <c r="B3" s="9"/>
      <c r="C3" s="11"/>
      <c r="D3" s="5" t="s">
        <v>25</v>
      </c>
      <c r="E3" s="5" t="s">
        <v>24</v>
      </c>
      <c r="F3" s="5" t="s">
        <v>23</v>
      </c>
      <c r="G3" s="5" t="s">
        <v>22</v>
      </c>
      <c r="H3" s="4" t="s">
        <v>21</v>
      </c>
      <c r="I3" s="4" t="s">
        <v>20</v>
      </c>
      <c r="J3" s="4" t="s">
        <v>19</v>
      </c>
    </row>
    <row r="4" spans="1:10" ht="40" customHeight="1" x14ac:dyDescent="0.2">
      <c r="A4" s="9" t="s">
        <v>18</v>
      </c>
      <c r="B4" s="10" t="s">
        <v>17</v>
      </c>
      <c r="C4" s="3">
        <v>23337</v>
      </c>
      <c r="D4" s="3">
        <v>3569</v>
      </c>
      <c r="E4" s="3">
        <v>11386</v>
      </c>
      <c r="F4" s="3">
        <v>3731</v>
      </c>
      <c r="G4" s="3">
        <v>4397</v>
      </c>
      <c r="H4" s="3">
        <v>241</v>
      </c>
      <c r="I4" s="3">
        <v>13</v>
      </c>
      <c r="J4" s="8" t="s">
        <v>37</v>
      </c>
    </row>
    <row r="5" spans="1:10" ht="40" customHeight="1" x14ac:dyDescent="0.2">
      <c r="A5" s="9"/>
      <c r="B5" s="10"/>
      <c r="C5" s="2">
        <v>23412</v>
      </c>
      <c r="D5" s="2">
        <v>4077</v>
      </c>
      <c r="E5" s="2">
        <v>10814</v>
      </c>
      <c r="F5" s="2">
        <v>3812</v>
      </c>
      <c r="G5" s="2">
        <v>4513</v>
      </c>
      <c r="H5" s="2">
        <v>196</v>
      </c>
      <c r="I5" s="2">
        <v>0</v>
      </c>
      <c r="J5" s="2">
        <v>0</v>
      </c>
    </row>
    <row r="6" spans="1:10" ht="40" customHeight="1" x14ac:dyDescent="0.2">
      <c r="A6" s="9" t="s">
        <v>16</v>
      </c>
      <c r="B6" s="10" t="s">
        <v>15</v>
      </c>
      <c r="C6" s="3">
        <v>4321</v>
      </c>
      <c r="D6" s="3">
        <v>162</v>
      </c>
      <c r="E6" s="3">
        <v>2656</v>
      </c>
      <c r="F6" s="3">
        <v>426</v>
      </c>
      <c r="G6" s="3">
        <v>1038</v>
      </c>
      <c r="H6" s="3">
        <v>19</v>
      </c>
      <c r="I6" s="3">
        <v>20</v>
      </c>
      <c r="J6" s="8" t="s">
        <v>37</v>
      </c>
    </row>
    <row r="7" spans="1:10" ht="40" customHeight="1" x14ac:dyDescent="0.2">
      <c r="A7" s="9"/>
      <c r="B7" s="10"/>
      <c r="C7" s="2">
        <v>4282</v>
      </c>
      <c r="D7" s="2">
        <v>182</v>
      </c>
      <c r="E7" s="2">
        <v>2636</v>
      </c>
      <c r="F7" s="2">
        <v>426</v>
      </c>
      <c r="G7" s="2">
        <v>1038</v>
      </c>
      <c r="H7" s="2">
        <v>0</v>
      </c>
      <c r="I7" s="2">
        <v>0</v>
      </c>
      <c r="J7" s="2">
        <v>0</v>
      </c>
    </row>
    <row r="8" spans="1:10" ht="40" customHeight="1" x14ac:dyDescent="0.2">
      <c r="A8" s="9" t="s">
        <v>14</v>
      </c>
      <c r="B8" s="10" t="s">
        <v>13</v>
      </c>
      <c r="C8" s="3">
        <v>4659</v>
      </c>
      <c r="D8" s="3">
        <v>227</v>
      </c>
      <c r="E8" s="3">
        <v>3674</v>
      </c>
      <c r="F8" s="3">
        <v>300</v>
      </c>
      <c r="G8" s="3">
        <v>408</v>
      </c>
      <c r="H8" s="3">
        <v>50</v>
      </c>
      <c r="I8" s="3">
        <v>0</v>
      </c>
      <c r="J8" s="8" t="s">
        <v>37</v>
      </c>
    </row>
    <row r="9" spans="1:10" ht="40" customHeight="1" x14ac:dyDescent="0.2">
      <c r="A9" s="9"/>
      <c r="B9" s="10"/>
      <c r="C9" s="2">
        <v>4555</v>
      </c>
      <c r="D9" s="2">
        <v>227</v>
      </c>
      <c r="E9" s="2">
        <v>3660</v>
      </c>
      <c r="F9" s="2">
        <v>252</v>
      </c>
      <c r="G9" s="2">
        <v>408</v>
      </c>
      <c r="H9" s="2">
        <v>8</v>
      </c>
      <c r="I9" s="2">
        <v>0</v>
      </c>
      <c r="J9" s="2">
        <v>0</v>
      </c>
    </row>
    <row r="10" spans="1:10" ht="40" customHeight="1" x14ac:dyDescent="0.2">
      <c r="A10" s="12" t="s">
        <v>12</v>
      </c>
      <c r="B10" s="14" t="s">
        <v>11</v>
      </c>
      <c r="C10" s="3">
        <v>5993</v>
      </c>
      <c r="D10" s="3">
        <v>904</v>
      </c>
      <c r="E10" s="3">
        <v>2327</v>
      </c>
      <c r="F10" s="3">
        <v>412</v>
      </c>
      <c r="G10" s="3">
        <v>2256</v>
      </c>
      <c r="H10" s="3">
        <v>94</v>
      </c>
      <c r="I10" s="3">
        <v>0</v>
      </c>
      <c r="J10" s="8" t="s">
        <v>37</v>
      </c>
    </row>
    <row r="11" spans="1:10" ht="40" customHeight="1" x14ac:dyDescent="0.2">
      <c r="A11" s="13"/>
      <c r="B11" s="15"/>
      <c r="C11" s="2">
        <v>6027</v>
      </c>
      <c r="D11" s="2">
        <v>904</v>
      </c>
      <c r="E11" s="2">
        <v>2327</v>
      </c>
      <c r="F11" s="2">
        <v>443</v>
      </c>
      <c r="G11" s="2">
        <v>2311</v>
      </c>
      <c r="H11" s="2">
        <v>42</v>
      </c>
      <c r="I11" s="2">
        <v>0</v>
      </c>
      <c r="J11" s="2">
        <v>0</v>
      </c>
    </row>
    <row r="12" spans="1:10" ht="40" customHeight="1" x14ac:dyDescent="0.2">
      <c r="A12" s="12" t="s">
        <v>10</v>
      </c>
      <c r="B12" s="14" t="s">
        <v>9</v>
      </c>
      <c r="C12" s="3">
        <v>5277</v>
      </c>
      <c r="D12" s="3">
        <v>1511</v>
      </c>
      <c r="E12" s="3">
        <v>1628</v>
      </c>
      <c r="F12" s="3">
        <v>920</v>
      </c>
      <c r="G12" s="3">
        <v>1019</v>
      </c>
      <c r="H12" s="3">
        <v>199</v>
      </c>
      <c r="I12" s="3">
        <v>0</v>
      </c>
      <c r="J12" s="8" t="s">
        <v>37</v>
      </c>
    </row>
    <row r="13" spans="1:10" ht="40" customHeight="1" x14ac:dyDescent="0.2">
      <c r="A13" s="13"/>
      <c r="B13" s="15"/>
      <c r="C13" s="2">
        <v>5173</v>
      </c>
      <c r="D13" s="2">
        <v>1518</v>
      </c>
      <c r="E13" s="2">
        <v>1584</v>
      </c>
      <c r="F13" s="2">
        <v>831</v>
      </c>
      <c r="G13" s="2">
        <v>1095</v>
      </c>
      <c r="H13" s="2">
        <v>145</v>
      </c>
      <c r="I13" s="2">
        <v>0</v>
      </c>
      <c r="J13" s="2">
        <v>0</v>
      </c>
    </row>
    <row r="14" spans="1:10" ht="40" customHeight="1" x14ac:dyDescent="0.2">
      <c r="A14" s="12" t="s">
        <v>8</v>
      </c>
      <c r="B14" s="14" t="s">
        <v>7</v>
      </c>
      <c r="C14" s="3">
        <v>4217</v>
      </c>
      <c r="D14" s="3">
        <v>781</v>
      </c>
      <c r="E14" s="3">
        <v>1814</v>
      </c>
      <c r="F14" s="3">
        <v>626</v>
      </c>
      <c r="G14" s="3">
        <v>963</v>
      </c>
      <c r="H14" s="3">
        <v>0</v>
      </c>
      <c r="I14" s="3">
        <v>33</v>
      </c>
      <c r="J14" s="8" t="s">
        <v>37</v>
      </c>
    </row>
    <row r="15" spans="1:10" ht="40" customHeight="1" x14ac:dyDescent="0.2">
      <c r="A15" s="13"/>
      <c r="B15" s="15"/>
      <c r="C15" s="2">
        <v>4183</v>
      </c>
      <c r="D15" s="2">
        <v>793</v>
      </c>
      <c r="E15" s="2">
        <v>1801</v>
      </c>
      <c r="F15" s="2">
        <v>660</v>
      </c>
      <c r="G15" s="2">
        <v>929</v>
      </c>
      <c r="H15" s="2">
        <v>0</v>
      </c>
      <c r="I15" s="2">
        <v>0</v>
      </c>
      <c r="J15" s="2">
        <v>0</v>
      </c>
    </row>
    <row r="16" spans="1:10" ht="40" customHeight="1" x14ac:dyDescent="0.2">
      <c r="A16" s="12" t="s">
        <v>6</v>
      </c>
      <c r="B16" s="14" t="s">
        <v>5</v>
      </c>
      <c r="C16" s="3">
        <v>4725</v>
      </c>
      <c r="D16" s="3">
        <v>1162</v>
      </c>
      <c r="E16" s="3">
        <v>1471</v>
      </c>
      <c r="F16" s="3">
        <v>629</v>
      </c>
      <c r="G16" s="3">
        <v>1110</v>
      </c>
      <c r="H16" s="3">
        <v>353</v>
      </c>
      <c r="I16" s="3">
        <v>0</v>
      </c>
      <c r="J16" s="8" t="s">
        <v>37</v>
      </c>
    </row>
    <row r="17" spans="1:10" ht="40" customHeight="1" x14ac:dyDescent="0.2">
      <c r="A17" s="13"/>
      <c r="B17" s="15"/>
      <c r="C17" s="2">
        <v>4629</v>
      </c>
      <c r="D17" s="2">
        <v>1194</v>
      </c>
      <c r="E17" s="2">
        <v>1614</v>
      </c>
      <c r="F17" s="2">
        <v>629</v>
      </c>
      <c r="G17" s="2">
        <v>1110</v>
      </c>
      <c r="H17" s="2">
        <v>82</v>
      </c>
      <c r="I17" s="2">
        <v>0</v>
      </c>
      <c r="J17" s="2">
        <v>0</v>
      </c>
    </row>
    <row r="18" spans="1:10" ht="40" customHeight="1" x14ac:dyDescent="0.2">
      <c r="A18" s="12" t="s">
        <v>4</v>
      </c>
      <c r="B18" s="14" t="s">
        <v>3</v>
      </c>
      <c r="C18" s="3">
        <v>5492</v>
      </c>
      <c r="D18" s="3">
        <v>159</v>
      </c>
      <c r="E18" s="3">
        <v>3038</v>
      </c>
      <c r="F18" s="3">
        <v>1235</v>
      </c>
      <c r="G18" s="3">
        <v>1052</v>
      </c>
      <c r="H18" s="3">
        <v>8</v>
      </c>
      <c r="I18" s="3">
        <v>0</v>
      </c>
      <c r="J18" s="8" t="s">
        <v>37</v>
      </c>
    </row>
    <row r="19" spans="1:10" ht="40" customHeight="1" x14ac:dyDescent="0.2">
      <c r="A19" s="13"/>
      <c r="B19" s="15"/>
      <c r="C19" s="2">
        <v>5506</v>
      </c>
      <c r="D19" s="2">
        <v>167</v>
      </c>
      <c r="E19" s="2">
        <v>2999</v>
      </c>
      <c r="F19" s="2">
        <v>1288</v>
      </c>
      <c r="G19" s="2">
        <v>1052</v>
      </c>
      <c r="H19" s="2">
        <v>0</v>
      </c>
      <c r="I19" s="2">
        <v>0</v>
      </c>
      <c r="J19" s="2">
        <v>0</v>
      </c>
    </row>
    <row r="20" spans="1:10" ht="40" customHeight="1" x14ac:dyDescent="0.2">
      <c r="A20" s="12" t="s">
        <v>2</v>
      </c>
      <c r="B20" s="14" t="s">
        <v>1</v>
      </c>
      <c r="C20" s="3">
        <v>3021</v>
      </c>
      <c r="D20" s="3">
        <v>378</v>
      </c>
      <c r="E20" s="3">
        <v>1153</v>
      </c>
      <c r="F20" s="3">
        <v>282</v>
      </c>
      <c r="G20" s="3">
        <v>1113</v>
      </c>
      <c r="H20" s="3">
        <v>76</v>
      </c>
      <c r="I20" s="3">
        <v>19</v>
      </c>
      <c r="J20" s="8" t="s">
        <v>37</v>
      </c>
    </row>
    <row r="21" spans="1:10" ht="40" customHeight="1" x14ac:dyDescent="0.2">
      <c r="A21" s="13"/>
      <c r="B21" s="15"/>
      <c r="C21" s="2">
        <v>2960</v>
      </c>
      <c r="D21" s="2">
        <v>378</v>
      </c>
      <c r="E21" s="2">
        <v>1134</v>
      </c>
      <c r="F21" s="2">
        <v>316</v>
      </c>
      <c r="G21" s="2">
        <v>1113</v>
      </c>
      <c r="H21" s="2">
        <v>19</v>
      </c>
      <c r="I21" s="2">
        <v>0</v>
      </c>
      <c r="J21" s="2">
        <v>0</v>
      </c>
    </row>
    <row r="22" spans="1:10" ht="40" customHeight="1" x14ac:dyDescent="0.2">
      <c r="A22" s="16" t="s">
        <v>0</v>
      </c>
      <c r="B22" s="17"/>
      <c r="C22" s="3">
        <v>61042</v>
      </c>
      <c r="D22" s="3">
        <v>8853</v>
      </c>
      <c r="E22" s="3">
        <v>29147</v>
      </c>
      <c r="F22" s="3">
        <v>8561</v>
      </c>
      <c r="G22" s="3">
        <v>13356</v>
      </c>
      <c r="H22" s="3">
        <v>1040</v>
      </c>
      <c r="I22" s="3">
        <v>85</v>
      </c>
      <c r="J22" s="8" t="s">
        <v>37</v>
      </c>
    </row>
    <row r="23" spans="1:10" ht="40" customHeight="1" x14ac:dyDescent="0.2">
      <c r="A23" s="18"/>
      <c r="B23" s="19"/>
      <c r="C23" s="2">
        <v>60727</v>
      </c>
      <c r="D23" s="2">
        <v>9440</v>
      </c>
      <c r="E23" s="2">
        <v>28569</v>
      </c>
      <c r="F23" s="2">
        <v>8657</v>
      </c>
      <c r="G23" s="2">
        <v>13569</v>
      </c>
      <c r="H23" s="2">
        <v>492</v>
      </c>
      <c r="I23" s="2">
        <v>0</v>
      </c>
      <c r="J23" s="2">
        <v>0</v>
      </c>
    </row>
    <row r="25" spans="1:10" x14ac:dyDescent="0.2">
      <c r="A25" t="s">
        <v>32</v>
      </c>
    </row>
    <row r="26" spans="1:10" x14ac:dyDescent="0.2">
      <c r="A26" t="s">
        <v>33</v>
      </c>
    </row>
    <row r="27" spans="1:10" x14ac:dyDescent="0.2">
      <c r="A27" t="s">
        <v>34</v>
      </c>
    </row>
    <row r="28" spans="1:10" x14ac:dyDescent="0.2">
      <c r="A28" t="s">
        <v>35</v>
      </c>
    </row>
  </sheetData>
  <mergeCells count="22">
    <mergeCell ref="A20:A21"/>
    <mergeCell ref="B20:B21"/>
    <mergeCell ref="A22:B23"/>
    <mergeCell ref="A14:A15"/>
    <mergeCell ref="B14:B15"/>
    <mergeCell ref="A16:A17"/>
    <mergeCell ref="B16:B17"/>
    <mergeCell ref="A18:A19"/>
    <mergeCell ref="B18:B19"/>
    <mergeCell ref="A8:A9"/>
    <mergeCell ref="B8:B9"/>
    <mergeCell ref="A10:A11"/>
    <mergeCell ref="B10:B11"/>
    <mergeCell ref="A12:A13"/>
    <mergeCell ref="B12:B13"/>
    <mergeCell ref="A6:A7"/>
    <mergeCell ref="B6:B7"/>
    <mergeCell ref="A2:A3"/>
    <mergeCell ref="B2:B3"/>
    <mergeCell ref="C2:C3"/>
    <mergeCell ref="A4:A5"/>
    <mergeCell ref="B4:B5"/>
  </mergeCells>
  <phoneticPr fontId="1"/>
  <pageMargins left="0.7" right="0.7" top="0.75" bottom="0.75" header="0.3" footer="0.3"/>
  <pageSetup paperSize="9" scale="5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県全域</vt:lpstr>
      <vt:lpstr>県全域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06T06:25:54Z</cp:lastPrinted>
  <dcterms:created xsi:type="dcterms:W3CDTF">2025-05-29T06:42:33Z</dcterms:created>
  <dcterms:modified xsi:type="dcterms:W3CDTF">2025-09-09T05:25:48Z</dcterms:modified>
</cp:coreProperties>
</file>